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29"/>
  </p:sldMasterIdLst>
  <p:notesMasterIdLst>
    <p:notesMasterId r:id="rId45"/>
  </p:notesMasterIdLst>
  <p:handoutMasterIdLst>
    <p:handoutMasterId r:id="rId46"/>
  </p:handoutMasterIdLst>
  <p:sldIdLst>
    <p:sldId id="449" r:id="rId30"/>
    <p:sldId id="487" r:id="rId31"/>
    <p:sldId id="489" r:id="rId32"/>
    <p:sldId id="450" r:id="rId33"/>
    <p:sldId id="498" r:id="rId34"/>
    <p:sldId id="437" r:id="rId35"/>
    <p:sldId id="490" r:id="rId36"/>
    <p:sldId id="438" r:id="rId37"/>
    <p:sldId id="439" r:id="rId38"/>
    <p:sldId id="440" r:id="rId39"/>
    <p:sldId id="441" r:id="rId40"/>
    <p:sldId id="442" r:id="rId41"/>
    <p:sldId id="491" r:id="rId42"/>
    <p:sldId id="446" r:id="rId43"/>
    <p:sldId id="363" r:id="rId44"/>
  </p:sldIdLst>
  <p:sldSz cx="12192000" cy="6858000"/>
  <p:notesSz cx="6858000" cy="9144000"/>
  <p:embeddedFontLst>
    <p:embeddedFont>
      <p:font typeface="Veidekke Favorit Offc" panose="020B0504030202060203" pitchFamily="34" charset="0"/>
      <p:regular r:id="rId47"/>
      <p:bold r:id="rId48"/>
      <p:italic r:id="rId49"/>
      <p:boldItalic r:id="rId50"/>
    </p:embeddedFont>
  </p:embeddedFontLst>
  <p:custDataLst>
    <p:tags r:id="rId51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13109C2-630D-4078-9F09-6C7B8AD4F67C}" v="1" dt="2024-08-27T12:38:57.88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79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10.xml"/><Relationship Id="rId21" Type="http://schemas.openxmlformats.org/officeDocument/2006/relationships/customXml" Target="../customXml/item21.xml"/><Relationship Id="rId34" Type="http://schemas.openxmlformats.org/officeDocument/2006/relationships/slide" Target="slides/slide5.xml"/><Relationship Id="rId42" Type="http://schemas.openxmlformats.org/officeDocument/2006/relationships/slide" Target="slides/slide13.xml"/><Relationship Id="rId47" Type="http://schemas.openxmlformats.org/officeDocument/2006/relationships/font" Target="fonts/font1.fntdata"/><Relationship Id="rId50" Type="http://schemas.openxmlformats.org/officeDocument/2006/relationships/font" Target="fonts/font4.fntdata"/><Relationship Id="rId55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Master" Target="slideMasters/slideMaster1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3.xml"/><Relationship Id="rId37" Type="http://schemas.openxmlformats.org/officeDocument/2006/relationships/slide" Target="slides/slide8.xml"/><Relationship Id="rId40" Type="http://schemas.openxmlformats.org/officeDocument/2006/relationships/slide" Target="slides/slide11.xml"/><Relationship Id="rId45" Type="http://schemas.openxmlformats.org/officeDocument/2006/relationships/notesMaster" Target="notesMasters/notesMaster1.xml"/><Relationship Id="rId53" Type="http://schemas.openxmlformats.org/officeDocument/2006/relationships/viewProps" Target="viewProps.xml"/><Relationship Id="rId5" Type="http://schemas.openxmlformats.org/officeDocument/2006/relationships/customXml" Target="../customXml/item5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2.xml"/><Relationship Id="rId44" Type="http://schemas.openxmlformats.org/officeDocument/2006/relationships/slide" Target="slides/slide15.xml"/><Relationship Id="rId52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slide" Target="slides/slide1.xml"/><Relationship Id="rId35" Type="http://schemas.openxmlformats.org/officeDocument/2006/relationships/slide" Target="slides/slide6.xml"/><Relationship Id="rId43" Type="http://schemas.openxmlformats.org/officeDocument/2006/relationships/slide" Target="slides/slide14.xml"/><Relationship Id="rId48" Type="http://schemas.openxmlformats.org/officeDocument/2006/relationships/font" Target="fonts/font2.fntdata"/><Relationship Id="rId56" Type="http://schemas.microsoft.com/office/2015/10/relationships/revisionInfo" Target="revisionInfo.xml"/><Relationship Id="rId8" Type="http://schemas.openxmlformats.org/officeDocument/2006/relationships/customXml" Target="../customXml/item8.xml"/><Relationship Id="rId51" Type="http://schemas.openxmlformats.org/officeDocument/2006/relationships/tags" Target="tags/tag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4.xml"/><Relationship Id="rId38" Type="http://schemas.openxmlformats.org/officeDocument/2006/relationships/slide" Target="slides/slide9.xml"/><Relationship Id="rId46" Type="http://schemas.openxmlformats.org/officeDocument/2006/relationships/handoutMaster" Target="handoutMasters/handoutMaster1.xml"/><Relationship Id="rId20" Type="http://schemas.openxmlformats.org/officeDocument/2006/relationships/customXml" Target="../customXml/item20.xml"/><Relationship Id="rId41" Type="http://schemas.openxmlformats.org/officeDocument/2006/relationships/slide" Target="slides/slide12.xml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7.xml"/><Relationship Id="rId49" Type="http://schemas.openxmlformats.org/officeDocument/2006/relationships/font" Target="fonts/font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7/08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t>27/08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/>
              <a:t>klikk for å legge til tekst, endre bak-grunnsfarge: form fylle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6" name="GeneralDate" descr="{&quot;templafy&quot;:{&quot;id&quot;:&quot;52294f0a-bf0e-477d-bbf0-ea7a4ca9288d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0" name="Footer" descr="{&quot;templafy&quot;:{&quot;id&quot;:&quot;952743a7-bf2a-4363-a4b4-b5a6196b4515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sv-SE" smtClean="0"/>
              <a:t>24-08-27</a:t>
            </a:fld>
            <a:endParaRPr lang="sv-SE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7" name="GeneralDate" descr="{&quot;templafy&quot;:{&quot;id&quot;:&quot;ca0b21ba-3e86-489d-a259-7c063736d520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32" name="Footer" descr="{&quot;templafy&quot;:{&quot;id&quot;:&quot;cd42c6bb-3f8e-40bf-b20e-5e09321f9eb5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sv-SE" smtClean="0"/>
              <a:t>24-08-27</a:t>
            </a:fld>
            <a:endParaRPr lang="sv-SE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2" name="Footer" descr="{&quot;templafy&quot;:{&quot;id&quot;:&quot;5036556e-54c7-42bb-9321-233c58a4d58f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sv-SE" smtClean="0"/>
              <a:t>24-08-27</a:t>
            </a:fld>
            <a:endParaRPr lang="sv-SE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ct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ct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sv-SE" smtClean="0"/>
              <a:t>24-08-27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1" name="Footer" descr="{&quot;templafy&quot;:{&quot;id&quot;:&quot;aaf3d56f-6298-4e7c-bd87-bead85bfe2d1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 flipH="1"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5252d343-4ec9-4fd0-a5b8-57d172da82cf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b132304a-6a7d-4f9a-9282-b2411c696de4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3bf7567-ac61-4ff8-a69a-320fc7c4c539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9a9c3c7d-d93e-487e-8c0e-262e679deefa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2a9dcea-6efa-440f-9cda-f113bd1493aa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e98ceef-c2b5-4c3a-9fdb-c64c8f437c0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86a525a3-736c-4a10-b5de-ca854cbd522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a4bf290-9347-45c4-b508-f7f9f3a4dd9c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/>
          <p:nvPr userDrawn="1"/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ddfabb75-e58c-4268-b14a-454b81c9176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0bd0afb-2c3f-448b-a73d-df2189ea5340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afa4a19-5393-402c-8bcc-ac87290f9e13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09066e7-4641-402f-b361-fbb3f921f7a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b91c5b82-e030-4a05-973c-79a73418d63f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sv-SE"/>
              <a:t>Klikk på plassholderen og lim inn det mørke bildet via Fotoware-ikonet i Templafy-panelet</a:t>
            </a:r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sv-SE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22402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iana układu slajdu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strzałkę obok przycisku Układ [Layout], aby wyświetlić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ozwijane menu z dostępnymi układami slajdów</a:t>
            </a:r>
            <a:endParaRPr lang="sv-SE" sz="900" noProof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ct val="0"/>
              </a:spcAft>
              <a:buFont typeface="+mj-lt"/>
              <a:buNone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wybrany układ, a zostanie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stosowane do nowego slajdu</a:t>
            </a:r>
            <a:endParaRPr lang="sv-SE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esetowanie slajdu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Home [Strona główna] 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menu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esetuj [Reset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zresetować pozycję, rozmiar i formatowanie miejsc zdefiniowanych na slajdach do ich ustawień domyślnych</a:t>
            </a:r>
            <a:endParaRPr lang="sv-SE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6118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A. Wstaw obraz firmy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niebieski przycisk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emplafy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 rozwijanej listy 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brazy [Images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] lub kliknij przycisk </a:t>
            </a:r>
            <a:br>
              <a:rPr sz="900"/>
            </a:b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brazy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w prawym okienku Templafy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B. Wyszukaj inne obrazy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rzędzia obrazu [Image Tools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na karcie firmy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[Insert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yszukać obraz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. Wstaw skopiowany obraz</a:t>
            </a:r>
            <a:endParaRPr lang="sv-SE" altLang="da-DK" sz="900" noProof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rzędzia obrazu [Image Tools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na karcie firmy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klej [paste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yszukać obraz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olor</a:t>
            </a:r>
            <a:br>
              <a:rPr sz="1198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r>
              <a:rPr lang="pl-PL" sz="898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waj tylko kolorów głównych lub zdefiniowanych przez użytkownika.</a:t>
            </a:r>
            <a:endParaRPr lang="sv-SE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pl-PL" sz="32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ręcznik użytkownika – usunąć przed użyciem</a:t>
            </a:r>
            <a:endParaRPr lang="sv-SE" sz="1800" noProof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4630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j stylów tekstu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j klawisza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AB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poruszać się między poziomami. 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ENTER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 następnie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AB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przejść z jednego poziomu na następny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Aby wrócić na poprzedni poziom, uży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HIFT-TAB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Możesz też skorzystać z listy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Increase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and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ecrease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[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większ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lub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niejsz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ziom listy] </a:t>
            </a:r>
            <a:br>
              <a:rPr sz="900"/>
            </a:br>
            <a:endParaRPr lang="sv-SE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4394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obraz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 slajdach ze zdefiniowanym miejscem na obraz lub innym zdefiniowanym miejscem kliknij na to miejsce.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przytrzymaj przycisk Shift i kliknij na miejsce zdefiniowan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ień obraz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ytnij [Crop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zmienić rozmiar lub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strość obraz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chcesz wyskalować obraz, przytrzymaj klawisz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HIFT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podczas przeciągania narożników obraz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usuniesz obraz i wstawisz nowy, obraz może zasłaniać tekst lub grafikę.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tak się stanie, wybierz obraz, kliknij prawym przyciskiem myszy i wybierz opcj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suń do tyłu [Send to Back]</a:t>
            </a:r>
            <a:endParaRPr lang="sv-SE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wodniki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yświetlenie przewodników rysunkowych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idok [View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ustaw znacznik obok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wodników [Guides]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Alt + F9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o szybkiego przeglądania przewodników</a:t>
            </a:r>
            <a:endParaRPr lang="sv-SE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7010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nowy slajd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Home [Strona główna] 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owy slajd [New Slide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stawić nowy</a:t>
            </a:r>
            <a:endParaRPr lang="sv-SE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/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/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/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/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sv-SE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42062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zobaczysz po nim </a:t>
            </a:r>
            <a:r>
              <a:rPr lang="pl-PL" sz="4400" b="1" i="1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ś układy [layouty]</a:t>
            </a: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br>
              <a:rPr sz="4400"/>
            </a:b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korzystaj z nich. Te układy [layouty] nie są częścią naszego szablonu korporacyjnego.</a:t>
            </a:r>
            <a:br>
              <a:rPr sz="2800"/>
            </a:br>
            <a:br>
              <a:rPr sz="2800"/>
            </a:br>
            <a:endParaRPr lang="sv-SE" sz="2800" b="0" noProof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1945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pl-PL" sz="13800" b="1" i="1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używać </a:t>
            </a:r>
            <a:endParaRPr lang="sv-SE" sz="2400" b="1" i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12649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20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e względu na standardową funkcję kopiowania/wklejania w PowerPoint mogą pojawić się dodatkowe niepożądane układy [layouty].</a:t>
            </a:r>
            <a:endParaRPr lang="sv-SE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20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waga: Nowe układy mogą zawierać potencjalne informacje poufne.</a:t>
            </a:r>
            <a:br>
              <a:rPr sz="1800"/>
            </a:br>
            <a:endParaRPr lang="sv-SE" sz="1800" b="0" noProof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sv-SE" smtClean="0"/>
              <a:t>27 augusti 2024</a:t>
            </a:fld>
            <a:endParaRPr lang="sv-SE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/>
          <p:nvPr userDrawn="1"/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6d61c8c7-8f07-4d2d-b5db-e26706935337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84" r="29253"/>
          <a:stretch>
            <a:fillRect/>
          </a:stretch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sv-SE" smtClean="0"/>
              <a:t>24-08-27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sv-SE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 level</a:t>
            </a:r>
            <a:endParaRPr lang="sv-SE"/>
          </a:p>
          <a:p>
            <a:pPr lvl="6"/>
            <a:r>
              <a:rPr lang="sv-SE" noProof="0"/>
              <a:t>7 level</a:t>
            </a:r>
            <a:endParaRPr lang="sv-SE"/>
          </a:p>
          <a:p>
            <a:pPr lvl="7"/>
            <a:r>
              <a:rPr lang="sv-SE" noProof="0"/>
              <a:t>8 level</a:t>
            </a:r>
            <a:endParaRPr lang="sv-SE"/>
          </a:p>
          <a:p>
            <a:pPr lvl="8"/>
            <a:r>
              <a:rPr lang="sv-SE" noProof="0"/>
              <a:t>9 level</a:t>
            </a:r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7" name="Footer dynamisk" descr="{&quot;templafy&quot;:{&quot;id&quot;:&quot;e6542782-f7eb-4a87-aef8-64f256666663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5" Type="http://schemas.openxmlformats.org/officeDocument/2006/relationships/image" Target="../media/image28.jpeg"/><Relationship Id="rId4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image" Target="../media/image29.jpeg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image" Target="../media/image30.jpeg"/><Relationship Id="rId4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6" Type="http://schemas.openxmlformats.org/officeDocument/2006/relationships/image" Target="../media/image31.jpeg"/><Relationship Id="rId5" Type="http://schemas.openxmlformats.org/officeDocument/2006/relationships/slideLayout" Target="../slideLayouts/slideLayout9.xml"/><Relationship Id="rId4" Type="http://schemas.openxmlformats.org/officeDocument/2006/relationships/tags" Target="../tags/tag1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60404799112" TargetMode="External"/><Relationship Id="rId1" Type="http://schemas.openxmlformats.org/officeDocument/2006/relationships/slideLayout" Target="../slideLayouts/slideLayout3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6" Type="http://schemas.openxmlformats.org/officeDocument/2006/relationships/image" Target="../media/image25.jpeg"/><Relationship Id="rId5" Type="http://schemas.openxmlformats.org/officeDocument/2006/relationships/slideLayout" Target="../slideLayouts/slideLayout12.xml"/><Relationship Id="rId4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5" Type="http://schemas.openxmlformats.org/officeDocument/2006/relationships/image" Target="../media/image26.jpeg"/><Relationship Id="rId4" Type="http://schemas.openxmlformats.org/officeDocument/2006/relationships/slideLayout" Target="../slideLayouts/slideLayout1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1</a:t>
            </a:fld>
            <a:endParaRPr lang="sv-SE"/>
          </a:p>
        </p:txBody>
      </p:sp>
      <p:pic>
        <p:nvPicPr>
          <p:cNvPr id="8" name="Platshållare för bild 7" descr="En bild som visar utomhus, himmel, klädsel, person&#10;&#10;Automatiskt genererad beskrivning">
            <a:extLst>
              <a:ext uri="{FF2B5EF4-FFF2-40B4-BE49-F238E27FC236}">
                <a16:creationId xmlns:a16="http://schemas.microsoft.com/office/drawing/2014/main" id="{05790057-0836-E9CC-E30D-0AA6BB3BBBD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/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24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ydzień BHP w firmie Veidekke w 2024 roku:</a:t>
            </a:r>
            <a:br>
              <a:rPr sz="2400" dirty="0"/>
            </a:br>
            <a:br>
              <a:rPr sz="2400" dirty="0"/>
            </a:br>
            <a:r>
              <a:rPr lang="pl-PL" sz="60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Bezpieczna produkcja</a:t>
            </a:r>
            <a:br>
              <a:rPr sz="2400" dirty="0"/>
            </a:br>
            <a:br>
              <a:rPr sz="2400" dirty="0"/>
            </a:br>
            <a:r>
              <a:rPr lang="pl-PL" sz="20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ojekt i produkcja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809228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1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95782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20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stanów się nad klimatem wypowiedzi w miejscu pracy</a:t>
            </a:r>
          </a:p>
          <a:p>
            <a:pPr marL="0" indent="0">
              <a:buNone/>
            </a:pPr>
            <a:endParaRPr lang="nb-NO" sz="1400"/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zaangażować wszystkich w planowanie pracy do wykonania? W jaki sposób każdy może wnieść swój wkład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 ile łatwe jest zadawanie pytań lub zgłaszanie problemów osobom, z którymi pracujesz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macie umowę grupową? Czy działa tak, jak chcieliście? Na ile, Twoim zdaniem, jest przestrzegana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0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861BF273-4901-35C0-4B4C-926F819C2976}"/>
              </a:ext>
            </a:extLst>
          </p:cNvPr>
          <p:cNvSpPr txBox="1"/>
          <p:nvPr/>
        </p:nvSpPr>
        <p:spPr>
          <a:xfrm>
            <a:off x="6949643" y="2140351"/>
            <a:ext cx="3135085" cy="109728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na różnych stanowiskach rozmawiają ze sobą</a:t>
            </a:r>
          </a:p>
        </p:txBody>
      </p:sp>
      <p:pic>
        <p:nvPicPr>
          <p:cNvPr id="8" name="Bilde 7" descr="Et bilde som inneholder utendørs, person, Landkjøretøy, hjelm&#10;&#10;Automatisk generert beskrivelse">
            <a:extLst>
              <a:ext uri="{FF2B5EF4-FFF2-40B4-BE49-F238E27FC236}">
                <a16:creationId xmlns:a16="http://schemas.microsoft.com/office/drawing/2014/main" id="{135811FB-9ADF-7C4F-4C8C-8419E576041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0652" y="0"/>
            <a:ext cx="6001348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90513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2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06717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20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Fizyczne środowisko pracy</a:t>
            </a:r>
          </a:p>
          <a:p>
            <a:pPr marL="0" indent="0">
              <a:buNone/>
            </a:pPr>
            <a:endParaRPr lang="nb-NO" sz="1400" b="1"/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jrzyj narzędzia/sprzęt, którego będziesz dzisiaj używać. Jakie są trzy najważniejsze zagrożenia, które mogą wystąpić podczas korzystania z tego narzędzia/sprzętu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masz odpowiednią do dzisiejszych zadań ochronę (np. środki ochrony osobistej) 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w miejscu pracy występuje coś, co przyczynia się do zmęczenia lub wyczerpania? Np. poziom dźwięku, pozycja robocza, wzrok i ekran, zakłócenia. 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działania można podjąć, aby poprawić fizyczne środowisko pracy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1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7CF47C37-1A8A-80F1-91DE-2DD386057CC5}"/>
              </a:ext>
            </a:extLst>
          </p:cNvPr>
          <p:cNvSpPr txBox="1"/>
          <p:nvPr/>
        </p:nvSpPr>
        <p:spPr>
          <a:xfrm>
            <a:off x="6949643" y="2140351"/>
            <a:ext cx="3135085" cy="109728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pracujący na placu budowy w świetle dnia</a:t>
            </a:r>
          </a:p>
        </p:txBody>
      </p:sp>
      <p:pic>
        <p:nvPicPr>
          <p:cNvPr id="8" name="Bilde 7" descr="Et bilde som inneholder himmel, Menneskeansikt, hjelm, person&#10;&#10;Automatisk generert beskrivelse">
            <a:extLst>
              <a:ext uri="{FF2B5EF4-FFF2-40B4-BE49-F238E27FC236}">
                <a16:creationId xmlns:a16="http://schemas.microsoft.com/office/drawing/2014/main" id="{3D27E0FD-2AFB-3C34-5B55-6AC1D5EF2AD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49" y="0"/>
            <a:ext cx="6190651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0351031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3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20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bserwacja</a:t>
            </a:r>
            <a:endParaRPr lang="nb-NO" sz="1400" b="1"/>
          </a:p>
          <a:p>
            <a:pPr marL="0" indent="0">
              <a:buNone/>
            </a:pPr>
            <a:endParaRPr lang="nb-NO" sz="1400" b="1"/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tań w miejscu, gdzie odbywa się wiele aktywności i pozostań tam przez pięć minut. Jakie potencjalne zagrożenia widzisz? 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stępnie stań w innym miejscu i ponownie obserwuj. Czy widzisz jakieś podobieństwa lub różnice w stosunku do poprzedniego miejsca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2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486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Widok na plac budowy</a:t>
            </a:r>
          </a:p>
        </p:txBody>
      </p:sp>
      <p:pic>
        <p:nvPicPr>
          <p:cNvPr id="4" name="Bilde 3" descr="Et bilde som inneholder konstruksjon, Storbyområde, Urbant område, Metropol&#10;&#10;Automatisk generert beskrivelse">
            <a:extLst>
              <a:ext uri="{FF2B5EF4-FFF2-40B4-BE49-F238E27FC236}">
                <a16:creationId xmlns:a16="http://schemas.microsoft.com/office/drawing/2014/main" id="{F70E8DA7-4094-53E8-60C5-0FCC668B818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784003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Font typeface="Veidekke Favorit Offc" panose="020B0504030202060203" pitchFamily="34" charset="0"/>
              <a:buNone/>
            </a:pPr>
            <a:r>
              <a:rPr lang="pl-PL" sz="2000" b="1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sumowanie tygodnia BHP w Veidek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400" b="1" dirty="0"/>
          </a:p>
          <a:p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widzicie możliwości poprawy? Omów odpowiedzi wspólnie z całą grupą</a:t>
            </a:r>
            <a:endParaRPr lang="nb-NO" sz="2000" dirty="0"/>
          </a:p>
          <a:p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zgodnijcie co najmniej jedną rzecz do poprawy, nad którą będziecie pracować. Jeśli to możliwe, uwzględnij ją w przyszłym planowaniu. Zdecyduj, kiedy i jak będziecie to kontrolować. </a:t>
            </a:r>
            <a:endParaRPr lang="nb-NO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3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486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Widok na plac budowy</a:t>
            </a:r>
          </a:p>
        </p:txBody>
      </p:sp>
      <p:pic>
        <p:nvPicPr>
          <p:cNvPr id="12" name="Picture 3">
            <a:extLst>
              <a:ext uri="{FF2B5EF4-FFF2-40B4-BE49-F238E27FC236}">
                <a16:creationId xmlns:a16="http://schemas.microsoft.com/office/drawing/2014/main" id="{00660BB7-0A5A-368C-E67B-E8175A3102D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93991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 descr="Et bilde som inneholder transport, himmel, utendørs, romfartøy&#10;&#10;Automatisk generert beskrivelse">
            <a:extLst>
              <a:ext uri="{FF2B5EF4-FFF2-40B4-BE49-F238E27FC236}">
                <a16:creationId xmlns:a16="http://schemas.microsoft.com/office/drawing/2014/main" id="{30A060B9-0B83-395C-3C4C-E0C4B4D51F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5" name="Plassholder for lysbildenummer 4" hidden="1">
            <a:extLst>
              <a:ext uri="{FF2B5EF4-FFF2-40B4-BE49-F238E27FC236}">
                <a16:creationId xmlns:a16="http://schemas.microsoft.com/office/drawing/2014/main" id="{0640B85C-B5ED-7594-1062-86FD1F87F2A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15883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pl-PL" sz="36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ziękujemy za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 flipH="1"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sv-SE" smtClean="0"/>
              <a:t>15</a:t>
            </a:fld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t>2</a:t>
            </a:fld>
            <a:endParaRPr lang="nb-NO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/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pl-PL" sz="2800" b="1" i="0" u="none" strike="noStrike" cap="none" baseline="0" dirty="0">
                <a:solidFill>
                  <a:srgbClr val="F61B33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drzędne cele dotyczące BHP w firmie Veidek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szym celem w zakresie BHP jest to, aby nikt nie zachorował, nie doznał obrażeń lub w najgorszym wypadku nie stracił życia w wyniku pracy w Veidekke lub dla Veidekke. Głównym priorytetem jest wyeliminowanie poważnych urazów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ażnym warunkiem wstępnym dla dobrego BHP jest odpowiednia produkcja i aktywne zaangażowanie wszystkich pracowników. Veidekke będzie stale pracować nad poprawą systematycznych prac firmy w zakresie BHP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sze miejsca pracy muszą charakteryzować się wysoką przyjaznością środowiska pracy i zerową tolerancją dla zastraszania i nękania. Każdy powinien być traktowany jednakowo i z szacunkiem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3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21586" y="2567122"/>
            <a:ext cx="6552558" cy="287895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poprawić nasze umiejętności w zakresie planowania działań i angażowania w nie innych oraz identyfikowania największych zagrożeń? </a:t>
            </a:r>
            <a:r>
              <a:rPr lang="pl-PL" sz="1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ematem tegorocznego tygodnia BHP jest bezpieczna produkcja.</a:t>
            </a:r>
            <a:br>
              <a:rPr sz="1600" dirty="0"/>
            </a:br>
            <a:br>
              <a:rPr sz="1600" dirty="0"/>
            </a:b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 ciągu tego tygodnia przyjrzymy się, w jaki sposób nasze wybory i planowanie wpływają na bezpieczeństwo i środowisko pracy. </a:t>
            </a:r>
            <a:br>
              <a:rPr sz="1600" dirty="0"/>
            </a:br>
            <a:br>
              <a:rPr sz="1600" dirty="0"/>
            </a:b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rozmawiamy również o tym, jak angażujemy siebie nawzajem w naszym zwykłym dniu pracy i jak tworzymy dobre warunki bezpiecznej produkcji. </a:t>
            </a:r>
            <a:endParaRPr lang="sv-SE" sz="1600" b="1" dirty="0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721586" y="1411924"/>
            <a:ext cx="10359768" cy="1317669"/>
          </a:xfrm>
        </p:spPr>
        <p:txBody>
          <a:bodyPr/>
          <a:lstStyle/>
          <a:p>
            <a:pPr algn="l"/>
            <a:r>
              <a:rPr lang="pl-PL" sz="24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ydzień BHP w firmie Veidekke w 2024 roku:</a:t>
            </a:r>
          </a:p>
          <a:p>
            <a:pPr algn="l"/>
            <a:r>
              <a:rPr lang="pl-PL" sz="3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robne wybory mogą mieć poważne konsekwencje.</a:t>
            </a:r>
          </a:p>
        </p:txBody>
      </p:sp>
    </p:spTree>
    <p:extLst>
      <p:ext uri="{BB962C8B-B14F-4D97-AF65-F5344CB8AC3E}">
        <p14:creationId xmlns:p14="http://schemas.microsoft.com/office/powerpoint/2010/main" val="375939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945685" cy="1065600"/>
          </a:xfrm>
        </p:spPr>
        <p:txBody>
          <a:bodyPr/>
          <a:lstStyle/>
          <a:p>
            <a:r>
              <a:rPr lang="pl-PL" sz="36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zrealizować wspólny program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945684" cy="4107600"/>
          </a:xfrm>
        </p:spPr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prowadzenie do tegorocznego tematu, skorzystaj z tej prezentacji w PowerPoint (5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dtwórz tegoroczny film tygodnia BHP na dużym ekranie, ewentualnie za pośrednictwem telefonu komórkowego (7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organizuj dyskusję na ten temat w mniejszych grupach. Podzielcie się na grupy po dwie lub trzy osoby. Omów następnie wyniki wspólnie z całą grupą. (Przeznacz odpowiednią ilość czasu – co najmniej 45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pólne przerobienie programu zajmuje około 60 minut. </a:t>
            </a: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t>4</a:t>
            </a:fld>
            <a:endParaRPr lang="nb-NO"/>
          </a:p>
        </p:txBody>
      </p:sp>
      <p:pic>
        <p:nvPicPr>
          <p:cNvPr id="3" name="Bilde 2" descr="Et bilde som inneholder hjelm, konstruksjon, brannkonstabel, arbeidsantrekk&#10;&#10;Automatisk generert beskrivelse">
            <a:extLst>
              <a:ext uri="{FF2B5EF4-FFF2-40B4-BE49-F238E27FC236}">
                <a16:creationId xmlns:a16="http://schemas.microsoft.com/office/drawing/2014/main" id="{A3A0DC98-812C-8E3F-8CDE-06BCCCC9DCB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78316" y="0"/>
            <a:ext cx="556940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tittel 2">
            <a:extLst>
              <a:ext uri="{FF2B5EF4-FFF2-40B4-BE49-F238E27FC236}">
                <a16:creationId xmlns:a16="http://schemas.microsoft.com/office/drawing/2014/main" id="{5D2F0B58-CE8B-3A9F-5DDD-FC7E206CCF9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pl-PL" sz="3600" b="0" i="0" u="none" strike="noStrike" cap="none" baseline="0" dirty="0">
                <a:solidFill>
                  <a:srgbClr val="F61B33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  <a:hlinkClick r:id="rId2"/>
              </a:rPr>
              <a:t>Obejrzyj tutaj film z tegorocznego tygodnia BHP</a:t>
            </a:r>
            <a:endParaRPr lang="nb-NO" sz="3600" dirty="0"/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5538B9B1-BD53-6E1A-182F-9779695772E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7644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1065600"/>
          </a:xfrm>
        </p:spPr>
        <p:txBody>
          <a:bodyPr anchor="t">
            <a:normAutofit/>
          </a:bodyPr>
          <a:lstStyle/>
          <a:p>
            <a:r>
              <a:rPr lang="pl-PL" sz="32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a w ramach dyskusji po filmie</a:t>
            </a:r>
            <a:endParaRPr lang="sv-SE" sz="3400" spc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4982027" cy="428353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święć wystarczająco dużo czasu na tę część, co najmniej 45 minut</a:t>
            </a:r>
          </a:p>
          <a:p>
            <a:pPr marL="0" indent="0">
              <a:buNone/>
            </a:pPr>
            <a:endParaRPr lang="nb-NO" sz="1600"/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zielcie się na grupy po dwie lub trzy osoby 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organizuj dyskusję na ten temat 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mów następnie wyniki wspólnie z całą grupą 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6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rozmawiający ze sobą</a:t>
            </a:r>
          </a:p>
        </p:txBody>
      </p:sp>
      <p:pic>
        <p:nvPicPr>
          <p:cNvPr id="18" name="Picture 3">
            <a:extLst>
              <a:ext uri="{FF2B5EF4-FFF2-40B4-BE49-F238E27FC236}">
                <a16:creationId xmlns:a16="http://schemas.microsoft.com/office/drawing/2014/main" id="{85527A7A-4205-54FB-9C0A-FE16F79EFB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5999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088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489309"/>
          </a:xfrm>
        </p:spPr>
        <p:txBody>
          <a:bodyPr anchor="t">
            <a:noAutofit/>
          </a:bodyPr>
          <a:lstStyle/>
          <a:p>
            <a:r>
              <a:rPr lang="pl-PL" sz="32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a w ramach dyskusji po filmie</a:t>
            </a:r>
            <a:endParaRPr lang="sv-SE" sz="3200" spc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6581237" cy="4283532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buNone/>
            </a:pPr>
            <a:r>
              <a:rPr lang="pl-PL" sz="15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cznij od tego, co robiliście w pracy w zeszłym tygodniu. Wybierz pytania istotne dla grupy. Poświęć około 5 minut na każde pytanie. Zapisz odpowiedzi na karteczkach samoprzylepnych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endParaRPr lang="nb-NO" sz="1600" i="1"/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cała praca w zeszłym tygodniu przebiegła zgodnie z planem? Na przykład, zacznij od PPU (Wykonany Procent Planu). 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wykryliście jakieś zagrożenia? W jaki sposób zostały one uwzględnione w planowaniu?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pojawiły się nowe zagrożenia, które nie zostały uwzględnione w pierwotnym planie?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ogo należy zaangażować w planowanie, aby jak najszybciej wykryć ryzyko? Np. przedstawiciel ds. bezpieczeństwa, UE/dostawców, funkcje pomocnicze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plan i zagrożenia na ten tydzień są jasne i oczywiste dla wszystkich w miejscu pracy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7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rozmawiający ze sobą</a:t>
            </a:r>
          </a:p>
        </p:txBody>
      </p:sp>
      <p:pic>
        <p:nvPicPr>
          <p:cNvPr id="4" name="Bilde 3" descr="Et bilde som inneholder utendørs, klær, himmel, person&#10;&#10;Automatisk generert beskrivelse">
            <a:extLst>
              <a:ext uri="{FF2B5EF4-FFF2-40B4-BE49-F238E27FC236}">
                <a16:creationId xmlns:a16="http://schemas.microsoft.com/office/drawing/2014/main" id="{7A355304-DA43-DA5B-0159-64658227B02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2982" y="0"/>
            <a:ext cx="4729017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56129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09BB1DD-97A6-D9BC-9EB3-0DC23BEC8E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77970" cy="1065600"/>
          </a:xfrm>
        </p:spPr>
        <p:txBody>
          <a:bodyPr anchor="t">
            <a:normAutofit fontScale="90000"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jrzyj wszystkie odpowiedzi wspólnie z całą grupą</a:t>
            </a:r>
            <a:endParaRPr lang="sv-SE" sz="3400"/>
          </a:p>
        </p:txBody>
      </p:sp>
      <p:sp>
        <p:nvSpPr>
          <p:cNvPr id="4" name="Platshållare för innehåll 3">
            <a:extLst>
              <a:ext uri="{FF2B5EF4-FFF2-40B4-BE49-F238E27FC236}">
                <a16:creationId xmlns:a16="http://schemas.microsoft.com/office/drawing/2014/main" id="{3F4228E1-D5FB-B209-6B00-D81E5476D7F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4607954" cy="4107600"/>
          </a:xfrm>
        </p:spPr>
        <p:txBody>
          <a:bodyPr>
            <a:normAutofit/>
          </a:bodyPr>
          <a:lstStyle/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widzicie możliwości poprawy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zgodnijcie co najmniej jedną poprawę, nad którą będziecie pracować. 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to możliwe, wprowadź poprawę do planu. Zdecyduj, kiedy i jak będziecie to kontrolować. </a:t>
            </a:r>
          </a:p>
          <a:p>
            <a:pPr marL="0" indent="0">
              <a:buNone/>
            </a:pPr>
            <a:endParaRPr lang="nb-NO" sz="1500"/>
          </a:p>
          <a:p>
            <a:pPr marL="0" indent="0">
              <a:buNone/>
            </a:pPr>
            <a:endParaRPr lang="sv-SE" sz="150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07C3DDA3-FF23-A476-36C2-128481D351C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8</a:t>
            </a:fld>
            <a:endParaRPr lang="sv-SE"/>
          </a:p>
        </p:txBody>
      </p:sp>
      <p:sp>
        <p:nvSpPr>
          <p:cNvPr id="8" name="TekstSylinder 7">
            <a:extLst>
              <a:ext uri="{FF2B5EF4-FFF2-40B4-BE49-F238E27FC236}">
                <a16:creationId xmlns:a16="http://schemas.microsoft.com/office/drawing/2014/main" id="{7B679565-BD45-B861-07D8-6F4A8A3C810A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Grupa osób z Veidekke prowadzi dyskusję</a:t>
            </a:r>
          </a:p>
        </p:txBody>
      </p:sp>
      <p:pic>
        <p:nvPicPr>
          <p:cNvPr id="7" name="Bilde 6" descr="Et bilde som inneholder hjelm, utendørs, klær, person&#10;&#10;Automatisk generert beskrivelse">
            <a:extLst>
              <a:ext uri="{FF2B5EF4-FFF2-40B4-BE49-F238E27FC236}">
                <a16:creationId xmlns:a16="http://schemas.microsoft.com/office/drawing/2014/main" id="{6A87C184-F0C0-BB05-DF03-769451068CB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7969" y="0"/>
            <a:ext cx="647403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4144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9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693773"/>
            <a:ext cx="6552558" cy="158084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to propozycje indywidualnych zadań obserwacyjnych, które można wykonać w pozostałe dni tygodnia BHP w Veidekke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musicie wykonywać wszystkich, wybierz jedno lub dwa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cznij każdy dzień od zadania pytania całej grupie roboczej, prosząc wszystkich, aby pamiętali o tym przez cały dzień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mów przemyślenia/odpowiedzi następnego dnia, przed rozpoczęciem kolejnego zadania. 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1" y="1404288"/>
            <a:ext cx="8512179" cy="1393259"/>
          </a:xfrm>
        </p:spPr>
        <p:txBody>
          <a:bodyPr/>
          <a:lstStyle/>
          <a:p>
            <a:pPr algn="l"/>
            <a:r>
              <a:rPr lang="pl-PL" sz="3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ugestie dotyczące zadań polegających na dyskusji na kilka następnych dni</a:t>
            </a:r>
          </a:p>
        </p:txBody>
      </p:sp>
    </p:spTree>
    <p:extLst>
      <p:ext uri="{BB962C8B-B14F-4D97-AF65-F5344CB8AC3E}">
        <p14:creationId xmlns:p14="http://schemas.microsoft.com/office/powerpoint/2010/main" val="1950751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p159="http://schemas.microsoft.com/office/powerpoint/2015/09/main" xmlns:p15="http://schemas.microsoft.com/office/powerpoint/2012/main" xmlns:a14="http://schemas.microsoft.com/office/drawing/2010/main" xmlns:wp="http://schemas.openxmlformats.org/drawingml/2006/wordprocessingDrawing" xmlns:w="http://schemas.openxmlformats.org/wordprocessingml/2006/main" xmlns:m="http://schemas.openxmlformats.org/officeDocument/2006/math"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S_OS" val="Unix 3.10.0.1160"/>
  <p:tag name="AS_RELEASE_DATE" val="2024.03.31"/>
  <p:tag name="AS_TITLE" val="Aspose.Slides for Java"/>
  <p:tag name="AS_VERSION" val="24.3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db4d3a63-68fa-4878-afc5-d6713a5b95e2.jpe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15a9692f-e656-4ebc-ad7a-cf7348c2ae9c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</a:majorFont>
      <a:minorFont>
        <a:latin typeface="Veidekke Favorit Offc"/>
        <a:ea typeface="Veidekke Favorit Offc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1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9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28.xml><?xml version="1.0" encoding="utf-8"?>
<TemplafySlideFormConfiguration><![CDATA[{"formFields":[],"formDataEntries":[]}]]></TemplafySlideFormConfiguration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BBCD187FD916B4BB7AA44BF0EE7E173" ma:contentTypeVersion="13" ma:contentTypeDescription="Opprett et nytt dokument." ma:contentTypeScope="" ma:versionID="36bf0425eea7e9de40f36e44d0216da7">
  <xsd:schema xmlns:xsd="http://www.w3.org/2001/XMLSchema" xmlns:xs="http://www.w3.org/2001/XMLSchema" xmlns:p="http://schemas.microsoft.com/office/2006/metadata/properties" xmlns:ns2="10a17540-a4c3-42e8-b9c8-7c4119285c61" xmlns:ns3="1aa8595b-683f-47e7-a4b0-47fa7d3e99a4" targetNamespace="http://schemas.microsoft.com/office/2006/metadata/properties" ma:root="true" ma:fieldsID="1219b92f1dbe3f89ed43d1798d81307f" ns2:_="" ns3:_="">
    <xsd:import namespace="10a17540-a4c3-42e8-b9c8-7c4119285c61"/>
    <xsd:import namespace="1aa8595b-683f-47e7-a4b0-47fa7d3e99a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a17540-a4c3-42e8-b9c8-7c4119285c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Bildemerkelapper" ma:readOnly="false" ma:fieldId="{5cf76f15-5ced-4ddc-b409-7134ff3c332f}" ma:taxonomyMulti="true" ma:sspId="a9dd55ca-a5e4-4dac-96a5-1c5a97a6933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a8595b-683f-47e7-a4b0-47fa7d3e99a4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a4ed825-1ce5-4a7b-bbea-bdf613feb08e}" ma:internalName="TaxCatchAll" ma:showField="CatchAllData" ma:web="1aa8595b-683f-47e7-a4b0-47fa7d3e99a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TemplateConfiguration><![CDATA[{"elementsMetadata":[{"type":"shape","id":"e6542782-f7eb-4a87-aef8-64f256666663","elementConfiguration":{"binding":"Form.Footer","disableUpdates":false,"type":"text"}},{"type":"shape","id":"86a525a3-736c-4a10-b5de-ca854cbd5223","elementConfiguration":{"format":"{{DateFormats.GeneralDate}}","binding":"Form.Date","disableUpdates":false,"type":"date"}},{"type":"shape","id":"3a4bf290-9347-45c4-b508-f7f9f3a4dd9c","elementConfiguration":{"binding":"Form.Footer","disableUpdates":false,"type":"text"}},{"type":"shape","id":"b2a9dcea-6efa-440f-9cda-f113bd1493aa","elementConfiguration":{"format":"{{DateFormats.GeneralDate}}","binding":"Form.Date","disableUpdates":false,"type":"date"}},{"type":"shape","id":"3e98ceef-c2b5-4c3a-9fdb-c64c8f437c0e","elementConfiguration":{"binding":"Form.Footer","disableUpdates":false,"type":"text"}},{"type":"shape","id":"52294f0a-bf0e-477d-bbf0-ea7a4ca9288d","elementConfiguration":{"format":"{{DateFormats.GeneralDate}}","binding":"Form.Date","disableUpdates":false,"type":"date"}},{"type":"shape","id":"952743a7-bf2a-4363-a4b4-b5a6196b4515","elementConfiguration":{"binding":"Form.Footer","disableUpdates":false,"type":"text"}},{"type":"shape","id":"709066e7-4641-402f-b361-fbb3f921f7a3","elementConfiguration":{"format":"{{DateFormats.GeneralDate}}","binding":"Form.Date","disableUpdates":false,"type":"date"}},{"type":"shape","id":"b91c5b82-e030-4a05-973c-79a73418d63f","elementConfiguration":{"binding":"Form.Footer","disableUpdates":false,"type":"text"}},{"type":"shape","id":"aaf3d56f-6298-4e7c-bd87-bead85bfe2d1","elementConfiguration":{"binding":"Form.Footer","disableUpdates":false,"type":"text"}},{"type":"shape","id":"73bf7567-ac61-4ff8-a69a-320fc7c4c539","elementConfiguration":{"format":"{{DateFormats.GeneralDate}}","binding":"Form.Date","disableUpdates":false,"type":"date"}},{"type":"shape","id":"9a9c3c7d-d93e-487e-8c0e-262e679deefa","elementConfiguration":{"binding":"Form.Footer","disableUpdates":false,"type":"text"}},{"type":"shape","id":"b0bd0afb-2c3f-448b-a73d-df2189ea5340","elementConfiguration":{"format":"{{DateFormats.GeneralDate}}","binding":"Form.Date","disableUpdates":false,"type":"date"}},{"type":"shape","id":"3afa4a19-5393-402c-8bcc-ac87290f9e13","elementConfiguration":{"binding":"Form.Footer","disableUpdates":false,"type":"text"}},{"type":"shape","id":"6d61c8c7-8f07-4d2d-b5db-e26706935337","elementConfiguration":{"binding":"Form.Footer","disableUpdates":false,"type":"text"}},{"type":"shape","id":"5036556e-54c7-42bb-9321-233c58a4d58f","elementConfiguration":{"binding":"Form.Footer","disableUpdates":false,"type":"text"}},{"type":"shape","id":"5252d343-4ec9-4fd0-a5b8-57d172da82cf","elementConfiguration":{"format":"{{DateFormats.GeneralDate}}","binding":"Form.Date","disableUpdates":false,"type":"date"}},{"type":"shape","id":"b132304a-6a7d-4f9a-9282-b2411c696de4","elementConfiguration":{"binding":"Form.Footer","disableUpdates":false,"type":"text"}},{"type":"shape","id":"ddfabb75-e58c-4268-b14a-454b81c91763","elementConfiguration":{"binding":"Form.Footer","disableUpdates":false,"type":"text"}},{"type":"shape","id":"ca0b21ba-3e86-489d-a259-7c063736d520","elementConfiguration":{"format":"{{DateFormats.GeneralDate}}","binding":"Form.Date","disableUpdates":false,"type":"date"}},{"type":"shape","id":"cd42c6bb-3f8e-40bf-b20e-5e09321f9eb5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8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Props1.xml><?xml version="1.0" encoding="utf-8"?>
<ds:datastoreItem xmlns:ds="http://schemas.openxmlformats.org/officeDocument/2006/customXml" ds:itemID="{E195EC0A-7CCE-44C4-AE37-D3AD7BF624CF}">
  <ds:schemaRefs/>
</ds:datastoreItem>
</file>

<file path=customXml/itemProps10.xml><?xml version="1.0" encoding="utf-8"?>
<ds:datastoreItem xmlns:ds="http://schemas.openxmlformats.org/officeDocument/2006/customXml" ds:itemID="{8C6545C5-5FC3-4F21-B6CA-17ED56311BD8}">
  <ds:schemaRefs/>
</ds:datastoreItem>
</file>

<file path=customXml/itemProps11.xml><?xml version="1.0" encoding="utf-8"?>
<ds:datastoreItem xmlns:ds="http://schemas.openxmlformats.org/officeDocument/2006/customXml" ds:itemID="{DDA4D963-764D-4BEF-95A2-5B50FA316A98}">
  <ds:schemaRefs/>
</ds:datastoreItem>
</file>

<file path=customXml/itemProps12.xml><?xml version="1.0" encoding="utf-8"?>
<ds:datastoreItem xmlns:ds="http://schemas.openxmlformats.org/officeDocument/2006/customXml" ds:itemID="{65EC060A-A282-4186-9BC0-29749DBBFB42}">
  <ds:schemaRefs/>
</ds:datastoreItem>
</file>

<file path=customXml/itemProps13.xml><?xml version="1.0" encoding="utf-8"?>
<ds:datastoreItem xmlns:ds="http://schemas.openxmlformats.org/officeDocument/2006/customXml" ds:itemID="{58283387-4E2E-41CD-B09F-73D889409B50}">
  <ds:schemaRefs/>
</ds:datastoreItem>
</file>

<file path=customXml/itemProps14.xml><?xml version="1.0" encoding="utf-8"?>
<ds:datastoreItem xmlns:ds="http://schemas.openxmlformats.org/officeDocument/2006/customXml" ds:itemID="{4B20ECF0-DDB9-4F42-A6CB-CB3441BAB0B3}">
  <ds:schemaRefs/>
</ds:datastoreItem>
</file>

<file path=customXml/itemProps15.xml><?xml version="1.0" encoding="utf-8"?>
<ds:datastoreItem xmlns:ds="http://schemas.openxmlformats.org/officeDocument/2006/customXml" ds:itemID="{C59813F2-02E7-4D1A-B58F-E418758F8477}">
  <ds:schemaRefs/>
</ds:datastoreItem>
</file>

<file path=customXml/itemProps16.xml><?xml version="1.0" encoding="utf-8"?>
<ds:datastoreItem xmlns:ds="http://schemas.openxmlformats.org/officeDocument/2006/customXml" ds:itemID="{1D44F357-3AB6-4276-8F86-911BF680385A}">
  <ds:schemaRefs/>
</ds:datastoreItem>
</file>

<file path=customXml/itemProps17.xml><?xml version="1.0" encoding="utf-8"?>
<ds:datastoreItem xmlns:ds="http://schemas.openxmlformats.org/officeDocument/2006/customXml" ds:itemID="{D82FF717-769B-4FD9-972D-BB5D95D9FA06}">
  <ds:schemaRefs/>
</ds:datastoreItem>
</file>

<file path=customXml/itemProps18.xml><?xml version="1.0" encoding="utf-8"?>
<ds:datastoreItem xmlns:ds="http://schemas.openxmlformats.org/officeDocument/2006/customXml" ds:itemID="{721D86C1-69D5-4BE4-BC75-7ED5A8F54AE6}">
  <ds:schemaRefs/>
</ds:datastoreItem>
</file>

<file path=customXml/itemProps19.xml><?xml version="1.0" encoding="utf-8"?>
<ds:datastoreItem xmlns:ds="http://schemas.openxmlformats.org/officeDocument/2006/customXml" ds:itemID="{5828CF36-0408-4BEF-8520-AAF84988D4E5}">
  <ds:schemaRefs/>
</ds:datastoreItem>
</file>

<file path=customXml/itemProps2.xml><?xml version="1.0" encoding="utf-8"?>
<ds:datastoreItem xmlns:ds="http://schemas.openxmlformats.org/officeDocument/2006/customXml" ds:itemID="{3A41DC27-7883-4BB3-818E-986BAFEFA523}">
  <ds:schemaRefs/>
</ds:datastoreItem>
</file>

<file path=customXml/itemProps20.xml><?xml version="1.0" encoding="utf-8"?>
<ds:datastoreItem xmlns:ds="http://schemas.openxmlformats.org/officeDocument/2006/customXml" ds:itemID="{C960F32F-DDA4-4DE9-9B91-58EE9F28F4B7}">
  <ds:schemaRefs/>
</ds:datastoreItem>
</file>

<file path=customXml/itemProps21.xml><?xml version="1.0" encoding="utf-8"?>
<ds:datastoreItem xmlns:ds="http://schemas.openxmlformats.org/officeDocument/2006/customXml" ds:itemID="{C32B1BC1-7A98-4671-84F2-A459A6757051}">
  <ds:schemaRefs/>
</ds:datastoreItem>
</file>

<file path=customXml/itemProps22.xml><?xml version="1.0" encoding="utf-8"?>
<ds:datastoreItem xmlns:ds="http://schemas.openxmlformats.org/officeDocument/2006/customXml" ds:itemID="{6484757C-5D7D-4B82-AFA7-51D5DEE8B82F}">
  <ds:schemaRefs/>
</ds:datastoreItem>
</file>

<file path=customXml/itemProps23.xml><?xml version="1.0" encoding="utf-8"?>
<ds:datastoreItem xmlns:ds="http://schemas.openxmlformats.org/officeDocument/2006/customXml" ds:itemID="{577E05E3-BB84-4AC4-B5CF-A0C0129E12B6}">
  <ds:schemaRefs/>
</ds:datastoreItem>
</file>

<file path=customXml/itemProps24.xml><?xml version="1.0" encoding="utf-8"?>
<ds:datastoreItem xmlns:ds="http://schemas.openxmlformats.org/officeDocument/2006/customXml" ds:itemID="{7BE6C632-6E01-4AAE-BE69-69A6AF708ADC}">
  <ds:schemaRefs/>
</ds:datastoreItem>
</file>

<file path=customXml/itemProps25.xml><?xml version="1.0" encoding="utf-8"?>
<ds:datastoreItem xmlns:ds="http://schemas.openxmlformats.org/officeDocument/2006/customXml" ds:itemID="{C9213CE5-FCA6-418E-A26A-9CB8B6BA05D6}">
  <ds:schemaRefs/>
</ds:datastoreItem>
</file>

<file path=customXml/itemProps26.xml><?xml version="1.0" encoding="utf-8"?>
<ds:datastoreItem xmlns:ds="http://schemas.openxmlformats.org/officeDocument/2006/customXml" ds:itemID="{E779C0B6-AAF3-4867-8642-5953BD19F8A9}">
  <ds:schemaRefs/>
</ds:datastoreItem>
</file>

<file path=customXml/itemProps27.xml><?xml version="1.0" encoding="utf-8"?>
<ds:datastoreItem xmlns:ds="http://schemas.openxmlformats.org/officeDocument/2006/customXml" ds:itemID="{53CA4DCD-9856-41AF-B970-9FFEFC8944FC}">
  <ds:schemaRefs/>
</ds:datastoreItem>
</file>

<file path=customXml/itemProps28.xml><?xml version="1.0" encoding="utf-8"?>
<ds:datastoreItem xmlns:ds="http://schemas.openxmlformats.org/officeDocument/2006/customXml" ds:itemID="{8DC401BE-F44F-4C08-A50D-145656DAC038}">
  <ds:schemaRefs/>
</ds:datastoreItem>
</file>

<file path=customXml/itemProps3.xml><?xml version="1.0" encoding="utf-8"?>
<ds:datastoreItem xmlns:ds="http://schemas.openxmlformats.org/officeDocument/2006/customXml" ds:itemID="{72A2F217-1348-4E75-BA27-D640272F892E}">
  <ds:schemaRefs>
    <ds:schemaRef ds:uri="10a17540-a4c3-42e8-b9c8-7c4119285c61"/>
    <ds:schemaRef ds:uri="1aa8595b-683f-47e7-a4b0-47fa7d3e99a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4.xml><?xml version="1.0" encoding="utf-8"?>
<ds:datastoreItem xmlns:ds="http://schemas.openxmlformats.org/officeDocument/2006/customXml" ds:itemID="{EA1FE7B0-8006-489E-AE98-9950FE63513A}">
  <ds:schemaRefs/>
</ds:datastoreItem>
</file>

<file path=customXml/itemProps5.xml><?xml version="1.0" encoding="utf-8"?>
<ds:datastoreItem xmlns:ds="http://schemas.openxmlformats.org/officeDocument/2006/customXml" ds:itemID="{D26AA085-4532-49D4-92C7-84E151780CCB}">
  <ds:schemaRefs/>
</ds:datastoreItem>
</file>

<file path=customXml/itemProps6.xml><?xml version="1.0" encoding="utf-8"?>
<ds:datastoreItem xmlns:ds="http://schemas.openxmlformats.org/officeDocument/2006/customXml" ds:itemID="{1692118B-B563-4D38-814E-2E248DB9B166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409F21E5-E86F-4756-9B1B-C883E365BA73}">
  <ds:schemaRefs/>
</ds:datastoreItem>
</file>

<file path=customXml/itemProps8.xml><?xml version="1.0" encoding="utf-8"?>
<ds:datastoreItem xmlns:ds="http://schemas.openxmlformats.org/officeDocument/2006/customXml" ds:itemID="{66FD51B9-83F1-43BC-AA96-BD43703FE846}">
  <ds:schemaRefs/>
</ds:datastoreItem>
</file>

<file path=customXml/itemProps9.xml><?xml version="1.0" encoding="utf-8"?>
<ds:datastoreItem xmlns:ds="http://schemas.openxmlformats.org/officeDocument/2006/customXml" ds:itemID="{A4B406F4-1251-4A88-8354-A2050A704DA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36</Words>
  <Application>Microsoft Office PowerPoint</Application>
  <PresentationFormat>Widescreen</PresentationFormat>
  <Paragraphs>86</Paragraphs>
  <Slides>15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5</vt:i4>
      </vt:variant>
    </vt:vector>
  </HeadingPairs>
  <TitlesOfParts>
    <vt:vector size="18" baseType="lpstr">
      <vt:lpstr>Veidekke Favorit Offc</vt:lpstr>
      <vt:lpstr>Arial</vt:lpstr>
      <vt:lpstr>Blank</vt:lpstr>
      <vt:lpstr>Tydzień BHP w firmie Veidekke w 2024 roku:  Bezpieczna produkcja  Projekt i produkcja</vt:lpstr>
      <vt:lpstr>PowerPoint-presentasjon</vt:lpstr>
      <vt:lpstr>Jak poprawić nasze umiejętności w zakresie planowania działań i angażowania w nie innych oraz identyfikowania największych zagrożeń? Tematem tegorocznego tygodnia BHP jest bezpieczna produkcja.  W ciągu tego tygodnia przyjrzymy się, w jaki sposób nasze wybory i planowanie wpływają na bezpieczeństwo i środowisko pracy.   Porozmawiamy również o tym, jak angażujemy siebie nawzajem w naszym zwykłym dniu pracy i jak tworzymy dobre warunki bezpiecznej produkcji. </vt:lpstr>
      <vt:lpstr>Jak zrealizować wspólny program?</vt:lpstr>
      <vt:lpstr>PowerPoint-presentasjon</vt:lpstr>
      <vt:lpstr>Zadania w ramach dyskusji po filmie</vt:lpstr>
      <vt:lpstr>Zadania w ramach dyskusji po filmie</vt:lpstr>
      <vt:lpstr>Przejrzyj wszystkie odpowiedzi wspólnie z całą grupą</vt:lpstr>
      <vt:lpstr>Oto propozycje indywidualnych zadań obserwacyjnych, które można wykonać w pozostałe dni tygodnia BHP w Veidekke.   Nie musicie wykonywać wszystkich, wybierz jedno lub dwa.   Zacznij każdy dzień od zadania pytania całej grupie roboczej, prosząc wszystkich, aby pamiętali o tym przez cały dzień.   Omów przemyślenia/odpowiedzi następnego dnia, przed rozpoczęciem kolejnego zadania. </vt:lpstr>
      <vt:lpstr>Zadanie 1</vt:lpstr>
      <vt:lpstr>Zadanie 2</vt:lpstr>
      <vt:lpstr>Zadanie 3</vt:lpstr>
      <vt:lpstr>Zadanie 4</vt:lpstr>
      <vt:lpstr>PowerPoint-presentasjon</vt:lpstr>
      <vt:lpstr>Dziękujemy za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 FOR HMS-UKEN: Prosjekt/produksjon</dc:title>
  <cp:revision>1</cp:revision>
  <dcterms:created xsi:type="dcterms:W3CDTF">2022-04-26T08:44:00Z</dcterms:created>
  <dcterms:modified xsi:type="dcterms:W3CDTF">2024-08-27T12:44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LanguageCode">
    <vt:lpwstr>sv-SE</vt:lpwstr>
  </property>
  <property fmtid="{D5CDD505-2E9C-101B-9397-08002B2CF9AE}" pid="3" name="TemplafyTemplateId">
    <vt:lpwstr>637866404935844927</vt:lpwstr>
  </property>
  <property fmtid="{D5CDD505-2E9C-101B-9397-08002B2CF9AE}" pid="4" name="TemplafyTenantId">
    <vt:lpwstr>veidekke</vt:lpwstr>
  </property>
  <property fmtid="{D5CDD505-2E9C-101B-9397-08002B2CF9AE}" pid="5" name="TemplafyUserProfileId">
    <vt:lpwstr>636848858983638952</vt:lpwstr>
  </property>
</Properties>
</file>